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23</definedName>
    <definedName name="_xlnm.Print_Area" localSheetId="0">公表用!$A$1:$I$23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1" uniqueCount="79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議会局</t>
  </si>
  <si>
    <t>366692</t>
  </si>
  <si>
    <t>消耗品（テレビリモコン他）購入代</t>
  </si>
  <si>
    <t>（株）ヤマダ電機横浜本店営業所　所長　古屋　茂</t>
  </si>
  <si>
    <t>4070001011201</t>
  </si>
  <si>
    <t>378754</t>
  </si>
  <si>
    <t>議長賞賞品（図書カードNEXT）の購入代</t>
  </si>
  <si>
    <t>（株）有隣堂　代表取締役　松信　裕</t>
  </si>
  <si>
    <t>2020001029308</t>
  </si>
  <si>
    <t>381107</t>
  </si>
  <si>
    <t>神奈川県議会図書室選定図書の購入代（第３回住宅地図）</t>
  </si>
  <si>
    <t>392382</t>
  </si>
  <si>
    <t>神奈川県議会図書室選定図書の購入代（第３回）</t>
  </si>
  <si>
    <t>（株）紀伊國屋書店横浜営業部　神奈川静岡営業本部長　山本　真治</t>
  </si>
  <si>
    <t>4011101005131</t>
  </si>
  <si>
    <t>397595</t>
  </si>
  <si>
    <t>消耗品（配線用モール等）の購入代</t>
  </si>
  <si>
    <t>（有）ヤマキ文具店　代表取締役　八巻　健司</t>
  </si>
  <si>
    <t>7020002052519</t>
  </si>
  <si>
    <t>402029</t>
  </si>
  <si>
    <t>書籍（地方自治小六法）購入代</t>
  </si>
  <si>
    <t>409364</t>
  </si>
  <si>
    <t>議長表敬訪問に係る記念品購入代</t>
  </si>
  <si>
    <t>（有）いづみや　取締役　中里　栄作</t>
  </si>
  <si>
    <t>9021002050361</t>
  </si>
  <si>
    <t>416112</t>
  </si>
  <si>
    <t>神奈川県議会友好代表団記念品代</t>
  </si>
  <si>
    <t>（株）陽雅堂　代表取締役　四十八願　稔</t>
  </si>
  <si>
    <t>1021001009630</t>
  </si>
  <si>
    <t>418052</t>
  </si>
  <si>
    <t>消耗品（粘着フック他）の購入代</t>
  </si>
  <si>
    <t>438752</t>
  </si>
  <si>
    <t>神奈川県議会友好代表団記念品購入代</t>
  </si>
  <si>
    <t>（株）近澤レース店　代表取締役社長　近澤　弘明</t>
  </si>
  <si>
    <t>6020001027605</t>
  </si>
  <si>
    <t>444543</t>
  </si>
  <si>
    <t>消耗品（ドラム／トナーカートリッジ他）の購入代</t>
  </si>
  <si>
    <t>444832</t>
  </si>
  <si>
    <t>年次刊行物（白書）購入代（第５回）</t>
  </si>
  <si>
    <t>（株）横浜日経社　代表取締役　浅野　容三</t>
  </si>
  <si>
    <t>3020001029587</t>
  </si>
  <si>
    <t>470601</t>
  </si>
  <si>
    <t>議会局長表彰記念品購入代（11月期）</t>
  </si>
  <si>
    <t>社会福祉法人　県央福祉会　就労サポートセンター　エヌ・クラップ　所長　佐瀬　界平</t>
  </si>
  <si>
    <t>7021005004754</t>
  </si>
  <si>
    <t>475310</t>
  </si>
  <si>
    <t>消耗品（プリンター台他）購入代</t>
  </si>
  <si>
    <t>520665</t>
  </si>
  <si>
    <t>消耗品（卓上カレンダー他）購入代</t>
  </si>
  <si>
    <t>ゴールデン文具（株）　代表取締役　平出　晴久</t>
  </si>
  <si>
    <t>5020001026500</t>
  </si>
  <si>
    <t>528131</t>
  </si>
  <si>
    <t>529786</t>
  </si>
  <si>
    <t>卓上旗スタンドの購入代</t>
  </si>
  <si>
    <t>（有）旭屋　取締役　石崎　淑久</t>
  </si>
  <si>
    <t>3020002049279</t>
  </si>
  <si>
    <t>530015</t>
  </si>
  <si>
    <t>消耗品（クリーンフィルター他）購入代</t>
  </si>
  <si>
    <t>（株）ビックカメラ　法人営業部長　田島　憲一</t>
  </si>
  <si>
    <t>9013301010402</t>
  </si>
  <si>
    <t>562060</t>
  </si>
  <si>
    <t>年次刊行物（白書）購入代（第６回）</t>
  </si>
  <si>
    <t>579927</t>
  </si>
  <si>
    <t>書籍（判例から学ぶ政務活動費の実務）の購入代</t>
  </si>
  <si>
    <t>580706</t>
  </si>
  <si>
    <t>消耗品（業務用シュレッダー他）</t>
  </si>
  <si>
    <t>（有）伊勢万　代表取締役　鈴木　伸好</t>
  </si>
  <si>
    <t>2021002050979</t>
  </si>
  <si>
    <t>582697</t>
  </si>
  <si>
    <t>議長賞賞品（トロフィー）の購入代</t>
  </si>
  <si>
    <t>局名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pageSetUpPr fitToPage="1"/>
  </sheetPr>
  <dimension ref="A1:I23"/>
  <sheetViews>
    <sheetView tabSelected="1" zoomScaleNormal="100" workbookViewId="0">
      <pane ySplit="1" topLeftCell="A2" activePane="bottomLeft" state="frozen"/>
      <selection pane="bottomLeft" sqref="A1:XFD1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78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8</v>
      </c>
      <c r="D2" s="6" t="s">
        <v>9</v>
      </c>
      <c r="E2" s="5" t="s">
        <v>10</v>
      </c>
      <c r="F2" s="7">
        <v>24090</v>
      </c>
      <c r="G2" s="5" t="s">
        <v>11</v>
      </c>
      <c r="H2" s="6" t="s">
        <v>12</v>
      </c>
      <c r="I2" s="8">
        <v>43740</v>
      </c>
    </row>
    <row r="3" spans="1:9" ht="24" x14ac:dyDescent="0.2">
      <c r="A3" s="4">
        <v>43556</v>
      </c>
      <c r="B3" s="5" t="s">
        <v>8</v>
      </c>
      <c r="C3" s="5" t="s">
        <v>8</v>
      </c>
      <c r="D3" s="6" t="s">
        <v>13</v>
      </c>
      <c r="E3" s="5" t="s">
        <v>14</v>
      </c>
      <c r="F3" s="7">
        <v>15000</v>
      </c>
      <c r="G3" s="5" t="s">
        <v>15</v>
      </c>
      <c r="H3" s="6" t="s">
        <v>16</v>
      </c>
      <c r="I3" s="8">
        <v>43745</v>
      </c>
    </row>
    <row r="4" spans="1:9" ht="24" x14ac:dyDescent="0.2">
      <c r="A4" s="4">
        <v>43556</v>
      </c>
      <c r="B4" s="5" t="s">
        <v>8</v>
      </c>
      <c r="C4" s="5" t="s">
        <v>8</v>
      </c>
      <c r="D4" s="6" t="s">
        <v>17</v>
      </c>
      <c r="E4" s="5" t="s">
        <v>18</v>
      </c>
      <c r="F4" s="7">
        <v>166650</v>
      </c>
      <c r="G4" s="5" t="s">
        <v>15</v>
      </c>
      <c r="H4" s="6" t="s">
        <v>16</v>
      </c>
      <c r="I4" s="8">
        <v>43746</v>
      </c>
    </row>
    <row r="5" spans="1:9" ht="24" x14ac:dyDescent="0.2">
      <c r="A5" s="4">
        <v>43556</v>
      </c>
      <c r="B5" s="5" t="s">
        <v>8</v>
      </c>
      <c r="C5" s="5" t="s">
        <v>8</v>
      </c>
      <c r="D5" s="6" t="s">
        <v>19</v>
      </c>
      <c r="E5" s="5" t="s">
        <v>20</v>
      </c>
      <c r="F5" s="7">
        <v>142520</v>
      </c>
      <c r="G5" s="5" t="s">
        <v>21</v>
      </c>
      <c r="H5" s="6" t="s">
        <v>22</v>
      </c>
      <c r="I5" s="8">
        <v>43753</v>
      </c>
    </row>
    <row r="6" spans="1:9" ht="24" x14ac:dyDescent="0.2">
      <c r="A6" s="4">
        <v>43556</v>
      </c>
      <c r="B6" s="5" t="s">
        <v>8</v>
      </c>
      <c r="C6" s="5" t="s">
        <v>8</v>
      </c>
      <c r="D6" s="6" t="s">
        <v>23</v>
      </c>
      <c r="E6" s="5" t="s">
        <v>24</v>
      </c>
      <c r="F6" s="7">
        <v>21093</v>
      </c>
      <c r="G6" s="5" t="s">
        <v>25</v>
      </c>
      <c r="H6" s="6" t="s">
        <v>26</v>
      </c>
      <c r="I6" s="8">
        <v>43756</v>
      </c>
    </row>
    <row r="7" spans="1:9" ht="24" x14ac:dyDescent="0.2">
      <c r="A7" s="4">
        <v>43556</v>
      </c>
      <c r="B7" s="5" t="s">
        <v>8</v>
      </c>
      <c r="C7" s="5" t="s">
        <v>8</v>
      </c>
      <c r="D7" s="6" t="s">
        <v>27</v>
      </c>
      <c r="E7" s="5" t="s">
        <v>28</v>
      </c>
      <c r="F7" s="7">
        <v>17160</v>
      </c>
      <c r="G7" s="5" t="s">
        <v>15</v>
      </c>
      <c r="H7" s="6" t="s">
        <v>16</v>
      </c>
      <c r="I7" s="8">
        <v>43756</v>
      </c>
    </row>
    <row r="8" spans="1:9" ht="24" x14ac:dyDescent="0.2">
      <c r="A8" s="4">
        <v>43556</v>
      </c>
      <c r="B8" s="5" t="s">
        <v>8</v>
      </c>
      <c r="C8" s="5" t="s">
        <v>8</v>
      </c>
      <c r="D8" s="6" t="s">
        <v>29</v>
      </c>
      <c r="E8" s="5" t="s">
        <v>30</v>
      </c>
      <c r="F8" s="7">
        <v>6500</v>
      </c>
      <c r="G8" s="5" t="s">
        <v>31</v>
      </c>
      <c r="H8" s="6" t="s">
        <v>32</v>
      </c>
      <c r="I8" s="8">
        <v>43761</v>
      </c>
    </row>
    <row r="9" spans="1:9" ht="24" x14ac:dyDescent="0.2">
      <c r="A9" s="4">
        <v>43556</v>
      </c>
      <c r="B9" s="5" t="s">
        <v>8</v>
      </c>
      <c r="C9" s="5" t="s">
        <v>8</v>
      </c>
      <c r="D9" s="6" t="s">
        <v>33</v>
      </c>
      <c r="E9" s="5" t="s">
        <v>34</v>
      </c>
      <c r="F9" s="7">
        <v>130110</v>
      </c>
      <c r="G9" s="5" t="s">
        <v>35</v>
      </c>
      <c r="H9" s="6" t="s">
        <v>36</v>
      </c>
      <c r="I9" s="8">
        <v>43762</v>
      </c>
    </row>
    <row r="10" spans="1:9" ht="24" x14ac:dyDescent="0.2">
      <c r="A10" s="4">
        <v>43556</v>
      </c>
      <c r="B10" s="5" t="s">
        <v>8</v>
      </c>
      <c r="C10" s="5" t="s">
        <v>8</v>
      </c>
      <c r="D10" s="6" t="s">
        <v>37</v>
      </c>
      <c r="E10" s="5" t="s">
        <v>38</v>
      </c>
      <c r="F10" s="7">
        <v>50395</v>
      </c>
      <c r="G10" s="5" t="s">
        <v>25</v>
      </c>
      <c r="H10" s="6" t="s">
        <v>26</v>
      </c>
      <c r="I10" s="8">
        <v>43766</v>
      </c>
    </row>
    <row r="11" spans="1:9" ht="24" x14ac:dyDescent="0.2">
      <c r="A11" s="4">
        <v>43556</v>
      </c>
      <c r="B11" s="5" t="s">
        <v>8</v>
      </c>
      <c r="C11" s="5" t="s">
        <v>8</v>
      </c>
      <c r="D11" s="6" t="s">
        <v>39</v>
      </c>
      <c r="E11" s="5" t="s">
        <v>40</v>
      </c>
      <c r="F11" s="7">
        <v>29040</v>
      </c>
      <c r="G11" s="5" t="s">
        <v>41</v>
      </c>
      <c r="H11" s="6" t="s">
        <v>42</v>
      </c>
      <c r="I11" s="8">
        <v>43770</v>
      </c>
    </row>
    <row r="12" spans="1:9" ht="24" x14ac:dyDescent="0.2">
      <c r="A12" s="4">
        <v>43556</v>
      </c>
      <c r="B12" s="5" t="s">
        <v>8</v>
      </c>
      <c r="C12" s="5" t="s">
        <v>8</v>
      </c>
      <c r="D12" s="6" t="s">
        <v>43</v>
      </c>
      <c r="E12" s="5" t="s">
        <v>44</v>
      </c>
      <c r="F12" s="7">
        <v>63888</v>
      </c>
      <c r="G12" s="5" t="s">
        <v>25</v>
      </c>
      <c r="H12" s="6" t="s">
        <v>26</v>
      </c>
      <c r="I12" s="8">
        <v>43776</v>
      </c>
    </row>
    <row r="13" spans="1:9" ht="24" x14ac:dyDescent="0.2">
      <c r="A13" s="4">
        <v>43556</v>
      </c>
      <c r="B13" s="5" t="s">
        <v>8</v>
      </c>
      <c r="C13" s="5" t="s">
        <v>8</v>
      </c>
      <c r="D13" s="6" t="s">
        <v>45</v>
      </c>
      <c r="E13" s="5" t="s">
        <v>46</v>
      </c>
      <c r="F13" s="7">
        <v>35612</v>
      </c>
      <c r="G13" s="5" t="s">
        <v>47</v>
      </c>
      <c r="H13" s="6" t="s">
        <v>48</v>
      </c>
      <c r="I13" s="8">
        <v>43776</v>
      </c>
    </row>
    <row r="14" spans="1:9" ht="36" x14ac:dyDescent="0.2">
      <c r="A14" s="4">
        <v>43556</v>
      </c>
      <c r="B14" s="5" t="s">
        <v>8</v>
      </c>
      <c r="C14" s="5" t="s">
        <v>8</v>
      </c>
      <c r="D14" s="6" t="s">
        <v>49</v>
      </c>
      <c r="E14" s="5" t="s">
        <v>50</v>
      </c>
      <c r="F14" s="7">
        <v>5400</v>
      </c>
      <c r="G14" s="5" t="s">
        <v>51</v>
      </c>
      <c r="H14" s="6" t="s">
        <v>52</v>
      </c>
      <c r="I14" s="8">
        <v>43788</v>
      </c>
    </row>
    <row r="15" spans="1:9" ht="24" x14ac:dyDescent="0.2">
      <c r="A15" s="4">
        <v>43556</v>
      </c>
      <c r="B15" s="5" t="s">
        <v>8</v>
      </c>
      <c r="C15" s="5" t="s">
        <v>8</v>
      </c>
      <c r="D15" s="6" t="s">
        <v>53</v>
      </c>
      <c r="E15" s="5" t="s">
        <v>54</v>
      </c>
      <c r="F15" s="7">
        <v>39204</v>
      </c>
      <c r="G15" s="5" t="s">
        <v>15</v>
      </c>
      <c r="H15" s="6" t="s">
        <v>16</v>
      </c>
      <c r="I15" s="8">
        <v>43788</v>
      </c>
    </row>
    <row r="16" spans="1:9" ht="24" x14ac:dyDescent="0.2">
      <c r="A16" s="4">
        <v>43556</v>
      </c>
      <c r="B16" s="5" t="s">
        <v>8</v>
      </c>
      <c r="C16" s="5" t="s">
        <v>8</v>
      </c>
      <c r="D16" s="6" t="s">
        <v>55</v>
      </c>
      <c r="E16" s="5" t="s">
        <v>56</v>
      </c>
      <c r="F16" s="7">
        <v>2288</v>
      </c>
      <c r="G16" s="5" t="s">
        <v>57</v>
      </c>
      <c r="H16" s="6" t="s">
        <v>58</v>
      </c>
      <c r="I16" s="8">
        <v>43804</v>
      </c>
    </row>
    <row r="17" spans="1:9" ht="24" x14ac:dyDescent="0.2">
      <c r="A17" s="4">
        <v>43556</v>
      </c>
      <c r="B17" s="5" t="s">
        <v>8</v>
      </c>
      <c r="C17" s="5" t="s">
        <v>8</v>
      </c>
      <c r="D17" s="6" t="s">
        <v>59</v>
      </c>
      <c r="E17" s="5" t="s">
        <v>30</v>
      </c>
      <c r="F17" s="7">
        <v>43494</v>
      </c>
      <c r="G17" s="5" t="s">
        <v>31</v>
      </c>
      <c r="H17" s="6" t="s">
        <v>32</v>
      </c>
      <c r="I17" s="8">
        <v>43808</v>
      </c>
    </row>
    <row r="18" spans="1:9" x14ac:dyDescent="0.2">
      <c r="A18" s="4">
        <v>43556</v>
      </c>
      <c r="B18" s="5" t="s">
        <v>8</v>
      </c>
      <c r="C18" s="5" t="s">
        <v>8</v>
      </c>
      <c r="D18" s="6" t="s">
        <v>60</v>
      </c>
      <c r="E18" s="5" t="s">
        <v>61</v>
      </c>
      <c r="F18" s="7">
        <v>4400</v>
      </c>
      <c r="G18" s="5" t="s">
        <v>62</v>
      </c>
      <c r="H18" s="6" t="s">
        <v>63</v>
      </c>
      <c r="I18" s="8">
        <v>43808</v>
      </c>
    </row>
    <row r="19" spans="1:9" ht="24" x14ac:dyDescent="0.2">
      <c r="A19" s="4">
        <v>43556</v>
      </c>
      <c r="B19" s="5" t="s">
        <v>8</v>
      </c>
      <c r="C19" s="5" t="s">
        <v>8</v>
      </c>
      <c r="D19" s="6" t="s">
        <v>64</v>
      </c>
      <c r="E19" s="5" t="s">
        <v>65</v>
      </c>
      <c r="F19" s="7">
        <v>46164</v>
      </c>
      <c r="G19" s="5" t="s">
        <v>66</v>
      </c>
      <c r="H19" s="6" t="s">
        <v>67</v>
      </c>
      <c r="I19" s="8">
        <v>43808</v>
      </c>
    </row>
    <row r="20" spans="1:9" ht="24" x14ac:dyDescent="0.2">
      <c r="A20" s="4">
        <v>43556</v>
      </c>
      <c r="B20" s="5" t="s">
        <v>8</v>
      </c>
      <c r="C20" s="5" t="s">
        <v>8</v>
      </c>
      <c r="D20" s="6" t="s">
        <v>68</v>
      </c>
      <c r="E20" s="5" t="s">
        <v>69</v>
      </c>
      <c r="F20" s="7">
        <v>42197</v>
      </c>
      <c r="G20" s="5" t="s">
        <v>47</v>
      </c>
      <c r="H20" s="6" t="s">
        <v>48</v>
      </c>
      <c r="I20" s="8">
        <v>43819</v>
      </c>
    </row>
    <row r="21" spans="1:9" ht="24" x14ac:dyDescent="0.2">
      <c r="A21" s="4">
        <v>43556</v>
      </c>
      <c r="B21" s="5" t="s">
        <v>8</v>
      </c>
      <c r="C21" s="5" t="s">
        <v>8</v>
      </c>
      <c r="D21" s="6" t="s">
        <v>70</v>
      </c>
      <c r="E21" s="5" t="s">
        <v>71</v>
      </c>
      <c r="F21" s="7">
        <v>17600</v>
      </c>
      <c r="G21" s="5" t="s">
        <v>15</v>
      </c>
      <c r="H21" s="6" t="s">
        <v>16</v>
      </c>
      <c r="I21" s="8">
        <v>43824</v>
      </c>
    </row>
    <row r="22" spans="1:9" ht="24" x14ac:dyDescent="0.2">
      <c r="A22" s="4">
        <v>43556</v>
      </c>
      <c r="B22" s="5" t="s">
        <v>8</v>
      </c>
      <c r="C22" s="5" t="s">
        <v>8</v>
      </c>
      <c r="D22" s="6" t="s">
        <v>72</v>
      </c>
      <c r="E22" s="5" t="s">
        <v>73</v>
      </c>
      <c r="F22" s="7">
        <v>66605</v>
      </c>
      <c r="G22" s="5" t="s">
        <v>74</v>
      </c>
      <c r="H22" s="6" t="s">
        <v>75</v>
      </c>
      <c r="I22" s="8">
        <v>43824</v>
      </c>
    </row>
    <row r="23" spans="1:9" x14ac:dyDescent="0.2">
      <c r="A23" s="4">
        <v>43556</v>
      </c>
      <c r="B23" s="5" t="s">
        <v>8</v>
      </c>
      <c r="C23" s="5" t="s">
        <v>8</v>
      </c>
      <c r="D23" s="6" t="s">
        <v>76</v>
      </c>
      <c r="E23" s="5" t="s">
        <v>77</v>
      </c>
      <c r="F23" s="7">
        <v>7744</v>
      </c>
      <c r="G23" s="5" t="s">
        <v>62</v>
      </c>
      <c r="H23" s="6" t="s">
        <v>63</v>
      </c>
      <c r="I23" s="8">
        <v>43825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3T10:23:03Z</cp:lastPrinted>
  <dcterms:created xsi:type="dcterms:W3CDTF">2020-03-13T10:21:14Z</dcterms:created>
  <dcterms:modified xsi:type="dcterms:W3CDTF">2020-03-26T05:26:42Z</dcterms:modified>
</cp:coreProperties>
</file>